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34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2-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2-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veer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Graphics, grafische vormgeving&#10;&#10;Automatisch gegenereerde beschrijving">
            <a:extLst>
              <a:ext uri="{FF2B5EF4-FFF2-40B4-BE49-F238E27FC236}">
                <a16:creationId xmlns:a16="http://schemas.microsoft.com/office/drawing/2014/main" id="{34C6963F-8BA6-3698-E851-5635C3004FD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73062" y="4254095"/>
            <a:ext cx="1608138" cy="234466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Graphics, grafische vormgeving&#10;&#10;Automatisch gegenereerde beschrijving">
            <a:extLst>
              <a:ext uri="{FF2B5EF4-FFF2-40B4-BE49-F238E27FC236}">
                <a16:creationId xmlns:a16="http://schemas.microsoft.com/office/drawing/2014/main" id="{F131B237-040B-6B53-C950-0BBC4668284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11205" y="3577712"/>
            <a:ext cx="1227320" cy="178943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11-22T14:19:38Z</dcterms:modified>
</cp:coreProperties>
</file>